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180BED17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9850A7">
        <w:rPr>
          <w:rFonts w:ascii="Arial" w:hAnsi="Arial" w:cs="Arial"/>
          <w:sz w:val="40"/>
          <w:szCs w:val="40"/>
        </w:rPr>
        <w:t>Genbrugspladsen Sundsholmen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9850A7">
        <w:rPr>
          <w:rFonts w:ascii="Arial" w:hAnsi="Arial" w:cs="Arial"/>
          <w:sz w:val="40"/>
          <w:szCs w:val="40"/>
        </w:rPr>
        <w:t>Sundsholmen 20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9850A7">
        <w:rPr>
          <w:rFonts w:ascii="Arial" w:hAnsi="Arial" w:cs="Arial"/>
          <w:sz w:val="40"/>
          <w:szCs w:val="40"/>
        </w:rPr>
        <w:t>94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9850A7">
        <w:rPr>
          <w:rFonts w:ascii="Arial" w:hAnsi="Arial" w:cs="Arial"/>
          <w:sz w:val="40"/>
          <w:szCs w:val="40"/>
        </w:rPr>
        <w:t>Nørresundby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1C934A99" w:rsidR="00EC6E6D" w:rsidRPr="00245E8B" w:rsidRDefault="009850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13.12.2018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3DB43451" w:rsidR="00EC6E6D" w:rsidRPr="00245E8B" w:rsidRDefault="009850A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5B9B4578" w:rsidR="00EC6E6D" w:rsidRPr="00245E8B" w:rsidRDefault="009850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46076753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705D8D99" w:rsidR="00EC6E6D" w:rsidRPr="00245E8B" w:rsidRDefault="009850A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29929935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59A18EBF" w:rsidR="00EC6E6D" w:rsidRPr="00F94A99" w:rsidRDefault="009850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K21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Genbrugspladser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159D6169" w:rsidR="00EC6E6D" w:rsidRPr="00F94A99" w:rsidRDefault="009850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11.06.2012</w:t>
            </w:r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096FB739" w:rsidR="004D6D3B" w:rsidRPr="00B93A39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</w:p>
        </w:tc>
        <w:tc>
          <w:tcPr>
            <w:tcW w:w="1134" w:type="dxa"/>
          </w:tcPr>
          <w:p w14:paraId="240C7CBB" w14:textId="1C5F94CD" w:rsidR="004D6D3B" w:rsidRPr="00B93A39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Start w:id="18" w:name="ind_enforce_enforce_date_2"/>
            <w:bookmarkEnd w:id="17"/>
            <w:bookmarkEnd w:id="18"/>
          </w:p>
        </w:tc>
        <w:tc>
          <w:tcPr>
            <w:tcW w:w="1417" w:type="dxa"/>
          </w:tcPr>
          <w:p w14:paraId="0E19DDC4" w14:textId="6D122BF0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3"/>
            <w:bookmarkEnd w:id="19"/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36DF5102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comments"/>
            <w:bookmarkStart w:id="21" w:name="ind_enforce_enforce_date_4"/>
            <w:bookmarkEnd w:id="20"/>
            <w:bookmarkEnd w:id="21"/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12E4EC37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force_enforce_date_5"/>
            <w:bookmarkEnd w:id="22"/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210689E5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3" w:name="ind_enforce_enforce_date_6"/>
            <w:bookmarkEnd w:id="23"/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02C0298C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" w:name="ind_enforce_enforce_date_7"/>
            <w:bookmarkEnd w:id="24"/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1DD4AB66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" w:name="ind_enforce_enforce_date_8"/>
            <w:bookmarkEnd w:id="25"/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48D34BB3" w14:textId="77777777" w:rsidR="009850A7" w:rsidRDefault="009850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6" w:name="ind_descr_product_descr_process"/>
            <w:bookmarkEnd w:id="26"/>
            <w:r>
              <w:rPr>
                <w:rFonts w:ascii="Arial" w:hAnsi="Arial" w:cs="Arial"/>
                <w:sz w:val="20"/>
                <w:szCs w:val="20"/>
              </w:rPr>
              <w:t>Virksomheden er en genbrugsplads, hvor private kan aflevere affald, herunder haveaffald. Pladsen er indrettet med befæstede arealer til affaldscontainer og haveaffald.</w:t>
            </w:r>
          </w:p>
          <w:p w14:paraId="7CE31B23" w14:textId="77777777" w:rsidR="009850A7" w:rsidRDefault="009850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et kemikaliehus med aflåst giftskab samt et mandskabshus.</w:t>
            </w:r>
          </w:p>
          <w:p w14:paraId="71B99F18" w14:textId="77777777" w:rsidR="009850A7" w:rsidRDefault="009850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Åbningstiderne er hverdage kl. 12:00 - 20:00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lørsda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søndage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elligedag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kl. 10:00 - 20:00.</w:t>
            </w:r>
          </w:p>
          <w:p w14:paraId="5B3EE88C" w14:textId="77777777" w:rsidR="009850A7" w:rsidRDefault="009850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D55E581" w14:textId="77777777" w:rsidR="009850A7" w:rsidRDefault="009850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81C62D7" w14:textId="176C35BA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kl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descr_product_product_area"/>
            <w:bookmarkEnd w:id="27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descr_product_employee_prod"/>
            <w:bookmarkEnd w:id="28"/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1ACF46D3" w:rsidR="00EC6E6D" w:rsidRPr="005D2D5F" w:rsidRDefault="009850A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" w:name="ind_descr_product_operating_time"/>
            <w:bookmarkEnd w:id="29"/>
            <w:r>
              <w:rPr>
                <w:rFonts w:ascii="Arial" w:hAnsi="Arial" w:cs="Arial"/>
                <w:sz w:val="20"/>
                <w:szCs w:val="20"/>
              </w:rPr>
              <w:t>7 - 18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51AEA99F" w:rsidR="00EC6E6D" w:rsidRPr="005D2D5F" w:rsidRDefault="009850A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" w:name="ind_descr_product_operating_time_sat"/>
            <w:bookmarkEnd w:id="30"/>
            <w:r>
              <w:rPr>
                <w:rFonts w:ascii="Arial" w:hAnsi="Arial" w:cs="Arial"/>
                <w:sz w:val="20"/>
                <w:szCs w:val="20"/>
              </w:rPr>
              <w:t>7 -18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4547D906" w:rsidR="00EC6E6D" w:rsidRPr="005D2D5F" w:rsidRDefault="009850A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" w:name="ind_descr_product_operating_time_sun"/>
            <w:bookmarkEnd w:id="31"/>
            <w:r>
              <w:rPr>
                <w:rFonts w:ascii="Arial" w:hAnsi="Arial" w:cs="Arial"/>
                <w:sz w:val="20"/>
                <w:szCs w:val="20"/>
              </w:rPr>
              <w:t>7 - 18</w:t>
            </w:r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6EC4F950" w:rsidR="00EC6E6D" w:rsidRPr="005D2D5F" w:rsidRDefault="009850A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" w:name="ind_env_control_code_env_control_name"/>
            <w:bookmarkEnd w:id="32"/>
            <w:r>
              <w:rPr>
                <w:rFonts w:ascii="Arial" w:hAnsi="Arial" w:cs="Arial"/>
                <w:sz w:val="20"/>
                <w:szCs w:val="20"/>
              </w:rPr>
              <w:t>ISO 14001</w:t>
            </w:r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33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33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7E6166" w14:textId="046E0FEC" w:rsidR="00EC6E6D" w:rsidRPr="005D2D5F" w:rsidRDefault="009850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X2"/>
            <w:bookmarkEnd w:id="34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06B66A4" w14:textId="0D657CDF" w:rsidR="00EC6E6D" w:rsidRPr="005D2D5F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X2_2"/>
            <w:bookmarkEnd w:id="35"/>
            <w:r>
              <w:rPr>
                <w:rFonts w:ascii="Arial" w:hAnsi="Arial" w:cs="Arial"/>
                <w:sz w:val="20"/>
                <w:szCs w:val="20"/>
              </w:rPr>
              <w:t>Kemikalierum/skab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X2_3"/>
            <w:bookmarkEnd w:id="36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X2_4"/>
            <w:bookmarkEnd w:id="37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79C43552" w14:textId="097429F7" w:rsidR="00EC6E6D" w:rsidRPr="005D2D5F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X2_5"/>
            <w:bookmarkEnd w:id="38"/>
            <w:r>
              <w:rPr>
                <w:rFonts w:ascii="Arial" w:hAnsi="Arial" w:cs="Arial"/>
                <w:sz w:val="20"/>
                <w:szCs w:val="20"/>
              </w:rPr>
              <w:t>Luftfilter</w:t>
            </w: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55A59386" w:rsidR="00EC6E6D" w:rsidRPr="005D2D5F" w:rsidRDefault="009850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9" w:name="ind_air_emis_source_source_id"/>
            <w:bookmarkEnd w:id="3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0" w:name="ind_air_emis_source_source_id_2"/>
            <w:bookmarkEnd w:id="40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4C195F69" w:rsidR="00EC6E6D" w:rsidRPr="005D2D5F" w:rsidRDefault="009850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1" w:name="ind_air_emis_source_source_id_3"/>
            <w:bookmarkEnd w:id="41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2" w:name="ind_air_emis_source_source_id_4"/>
            <w:bookmarkEnd w:id="42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3" w:name="ind_air_emis_source_source_id_5"/>
            <w:bookmarkEnd w:id="43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4" w:name="ind_air_emis_source_source_id_6"/>
            <w:bookmarkEnd w:id="4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5" w:name="ind_air_emis_source_source_id_7"/>
            <w:bookmarkEnd w:id="45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46" w:name="ind_energy_types_energy_type_name"/>
            <w:bookmarkEnd w:id="46"/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25EE13F3" w:rsidR="00EC6E6D" w:rsidRPr="005D2D5F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"/>
            <w:bookmarkEnd w:id="47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39800D98" w:rsidR="00EC6E6D" w:rsidRPr="005D2D5F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_2"/>
            <w:bookmarkEnd w:id="48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9850A7" w:rsidRPr="005D2D5F" w14:paraId="39682AE7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5A4134B" w14:textId="6C42AF57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_3"/>
            <w:bookmarkEnd w:id="49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285284F" w14:textId="554D8B20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_4"/>
            <w:bookmarkEnd w:id="50"/>
            <w:r>
              <w:rPr>
                <w:rFonts w:ascii="Arial" w:hAnsi="Arial" w:cs="Arial"/>
                <w:sz w:val="20"/>
                <w:szCs w:val="20"/>
              </w:rPr>
              <w:t>Kemikaliehuset - udsug fra flere beholdere til farligt affald med filter</w:t>
            </w:r>
          </w:p>
        </w:tc>
      </w:tr>
      <w:tr w:rsidR="009850A7" w:rsidRPr="005D2D5F" w14:paraId="416E2E09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9BC7DAD" w14:textId="3AE8F0AD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_5"/>
            <w:bookmarkEnd w:id="51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F2E61E3" w14:textId="1565FBC9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_6"/>
            <w:bookmarkEnd w:id="52"/>
            <w:r>
              <w:rPr>
                <w:rFonts w:ascii="Arial" w:hAnsi="Arial" w:cs="Arial"/>
                <w:sz w:val="20"/>
                <w:szCs w:val="20"/>
              </w:rPr>
              <w:t>Ved tilsynet var der intet at bemærke.</w:t>
            </w:r>
          </w:p>
        </w:tc>
      </w:tr>
      <w:tr w:rsidR="009850A7" w:rsidRPr="005D2D5F" w14:paraId="24B45B95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D39DAD3" w14:textId="362A29F0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_7"/>
            <w:bookmarkEnd w:id="53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F8CB97B" w14:textId="0A97A89E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_8"/>
            <w:bookmarkEnd w:id="54"/>
            <w:r>
              <w:rPr>
                <w:rFonts w:ascii="Arial" w:hAnsi="Arial" w:cs="Arial"/>
                <w:sz w:val="20"/>
                <w:szCs w:val="20"/>
              </w:rPr>
              <w:t>Filterkontrol fra udsug for kemikaliehuset - klistermærke fra 2013's filterkontrol ved kontrolpanelet blev forevist ved tilsynet. Dokumentation for filterkontrol er efterfølgende fremsendt.</w:t>
            </w:r>
          </w:p>
        </w:tc>
      </w:tr>
      <w:tr w:rsidR="009850A7" w:rsidRPr="005D2D5F" w14:paraId="524D88E2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EC22D98" w14:textId="03892D95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_9"/>
            <w:bookmarkEnd w:id="55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A5BE42E" w14:textId="40A65AB0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_10"/>
            <w:bookmarkEnd w:id="56"/>
            <w:r>
              <w:rPr>
                <w:rFonts w:ascii="Arial" w:hAnsi="Arial" w:cs="Arial"/>
                <w:sz w:val="20"/>
                <w:szCs w:val="20"/>
              </w:rPr>
              <w:t>Ved tilsynet var der intet at bemærke.</w:t>
            </w:r>
          </w:p>
        </w:tc>
      </w:tr>
      <w:tr w:rsidR="009850A7" w:rsidRPr="005D2D5F" w14:paraId="13209E6F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41A769B" w14:textId="656AC743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_11"/>
            <w:bookmarkEnd w:id="57"/>
            <w:r>
              <w:rPr>
                <w:rFonts w:ascii="Arial" w:hAnsi="Arial" w:cs="Arial"/>
                <w:sz w:val="20"/>
                <w:szCs w:val="20"/>
              </w:rPr>
              <w:lastRenderedPageBreak/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6451418" w14:textId="4C6B455B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_12"/>
            <w:bookmarkEnd w:id="58"/>
            <w:r>
              <w:rPr>
                <w:rFonts w:ascii="Arial" w:hAnsi="Arial" w:cs="Arial"/>
                <w:sz w:val="20"/>
                <w:szCs w:val="20"/>
              </w:rPr>
              <w:t>Genbrugsplanen opbevarer asbestholdigt affald (tagplader) i lukket container, der åbnes på forespørgsel. Vilkåret herom er opfyldt.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59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59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9850A7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5ABC8A56" w14:textId="4A50A31A" w:rsidR="00EC6E6D" w:rsidRPr="005D2D5F" w:rsidRDefault="009850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0" w:name="ind_noise_noise_id"/>
            <w:bookmarkEnd w:id="60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E13DF9C" w14:textId="128DFDA1" w:rsidR="00EC6E6D" w:rsidRPr="005D2D5F" w:rsidRDefault="009850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1" w:name="ind_noise_noise_id_2"/>
            <w:bookmarkEnd w:id="61"/>
            <w:r>
              <w:rPr>
                <w:rFonts w:ascii="Arial" w:hAnsi="Arial" w:cs="Arial"/>
                <w:sz w:val="20"/>
                <w:szCs w:val="20"/>
              </w:rPr>
              <w:t>Ventilation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2" w:name="ind_noise_noise_id_3"/>
            <w:bookmarkEnd w:id="62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3" w:name="ind_noise_noise_id_4"/>
            <w:bookmarkEnd w:id="63"/>
          </w:p>
        </w:tc>
      </w:tr>
      <w:tr w:rsidR="009850A7" w:rsidRPr="005D2D5F" w14:paraId="49C6F511" w14:textId="77777777" w:rsidTr="009850A7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5FB0994F" w14:textId="70B45960" w:rsidR="009850A7" w:rsidRDefault="009850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4" w:name="ind_noise_noise_id_5"/>
            <w:bookmarkEnd w:id="64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4F644B8" w14:textId="51D5ADA9" w:rsidR="009850A7" w:rsidRDefault="009850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5" w:name="ind_noise_noise_id_6"/>
            <w:bookmarkEnd w:id="65"/>
            <w:r>
              <w:rPr>
                <w:rFonts w:ascii="Arial" w:hAnsi="Arial" w:cs="Arial"/>
                <w:sz w:val="20"/>
                <w:szCs w:val="20"/>
              </w:rPr>
              <w:t>Intern transpor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6B6F23A" w14:textId="77777777" w:rsidR="009850A7" w:rsidRPr="005D2D5F" w:rsidRDefault="009850A7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" w:name="ind_noise_noise_id_7"/>
            <w:bookmarkEnd w:id="66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14:paraId="73777B6D" w14:textId="77777777" w:rsidR="009850A7" w:rsidRPr="005D2D5F" w:rsidRDefault="009850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7" w:name="ind_noise_noise_id_8"/>
            <w:bookmarkEnd w:id="67"/>
          </w:p>
        </w:tc>
      </w:tr>
      <w:tr w:rsidR="009850A7" w:rsidRPr="005D2D5F" w14:paraId="58D5E42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7577BB86" w14:textId="209E1F0F" w:rsidR="009850A7" w:rsidRDefault="009850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8" w:name="ind_noise_noise_id_9"/>
            <w:bookmarkEnd w:id="68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D61ECBC" w14:textId="6D1A3E17" w:rsidR="009850A7" w:rsidRDefault="009850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9" w:name="ind_noise_noise_id_10"/>
            <w:bookmarkEnd w:id="69"/>
            <w:r>
              <w:rPr>
                <w:rFonts w:ascii="Arial" w:hAnsi="Arial" w:cs="Arial"/>
                <w:sz w:val="20"/>
                <w:szCs w:val="20"/>
              </w:rPr>
              <w:t>Se støjrappor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0C38EE4" w14:textId="77777777" w:rsidR="009850A7" w:rsidRPr="005D2D5F" w:rsidRDefault="009850A7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" w:name="ind_noise_noise_id_11"/>
            <w:bookmarkEnd w:id="70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94D62D8" w14:textId="77777777" w:rsidR="009850A7" w:rsidRPr="005D2D5F" w:rsidRDefault="009850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4926BA6B" w:rsidR="00EC6E6D" w:rsidRPr="005D2D5F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2"/>
            <w:bookmarkEnd w:id="71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9CFE0F" w14:textId="6DCA8498" w:rsidR="00EC6E6D" w:rsidRPr="005D2D5F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2" w:name="ind_control_items_control_item_nameX2_2"/>
            <w:bookmarkEnd w:id="72"/>
            <w:proofErr w:type="spellStart"/>
            <w:r>
              <w:rPr>
                <w:rFonts w:ascii="Arial" w:hAnsi="Arial" w:cs="Arial"/>
                <w:sz w:val="20"/>
                <w:szCs w:val="20"/>
              </w:rPr>
              <w:t>Forudsætnign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 støjrapporten mht. placering af glascontainer, metalcontainer m.v. er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opfyldt.Der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er ikke flyttet rundt på disse containere siden sidst.</w:t>
            </w:r>
          </w:p>
        </w:tc>
      </w:tr>
      <w:tr w:rsidR="009850A7" w:rsidRPr="005D2D5F" w14:paraId="348171CF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B89DDE3" w14:textId="64F7F148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control_items_control_item_nameX2_3"/>
            <w:bookmarkEnd w:id="73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311FF72" w14:textId="16F04441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control_items_control_item_nameX2_4"/>
            <w:bookmarkEnd w:id="74"/>
            <w:r>
              <w:rPr>
                <w:rFonts w:ascii="Arial" w:hAnsi="Arial" w:cs="Arial"/>
                <w:sz w:val="20"/>
                <w:szCs w:val="20"/>
              </w:rPr>
              <w:t>Vurderes overholdt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22CCE8AD" w:rsidR="00EC6E6D" w:rsidRPr="005D2D5F" w:rsidRDefault="009850A7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5" w:name="ind_w_water_amount_permission_id"/>
            <w:bookmarkEnd w:id="75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2A06F31D" w:rsidR="00EC6E6D" w:rsidRPr="005D2D5F" w:rsidRDefault="009850A7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6" w:name="ind_w_water_amount_permission_id_2"/>
            <w:bookmarkEnd w:id="76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67A97733" w:rsidR="00EC6E6D" w:rsidRPr="005D2D5F" w:rsidRDefault="009850A7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77" w:name="ind_w_water_amount_permission_id_3"/>
            <w:bookmarkEnd w:id="77"/>
            <w:r>
              <w:rPr>
                <w:rFonts w:ascii="Arial" w:hAnsi="Arial" w:cs="Arial"/>
                <w:sz w:val="20"/>
                <w:szCs w:val="20"/>
              </w:rPr>
              <w:t>Forurenet overfladevan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8" w:name="ind_w_water_amount_permission_id_4"/>
            <w:bookmarkEnd w:id="78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9" w:name="ind_w_water_amount_permission_id_5"/>
            <w:bookmarkEnd w:id="7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0" w:name="ind_w_water_amount_permission_id_6"/>
            <w:bookmarkEnd w:id="80"/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6B4ECD4C" w:rsidR="00EC6E6D" w:rsidRPr="005D2D5F" w:rsidRDefault="009850A7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81" w:name="ind_w_water_amount_permission_id_7"/>
            <w:bookmarkEnd w:id="81"/>
            <w:r>
              <w:rPr>
                <w:rFonts w:ascii="Arial" w:hAnsi="Arial" w:cs="Arial"/>
                <w:sz w:val="20"/>
                <w:szCs w:val="20"/>
              </w:rPr>
              <w:t>Sandfang</w:t>
            </w: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003946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1A773713" w:rsidR="00EC6E6D" w:rsidRPr="005D2D5F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X3"/>
            <w:bookmarkEnd w:id="82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7921269" w14:textId="6A8895FD" w:rsidR="00EC6E6D" w:rsidRPr="005D2D5F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control_items_control_item_nameX3_2"/>
            <w:bookmarkEnd w:id="83"/>
            <w:r>
              <w:rPr>
                <w:rFonts w:ascii="Arial" w:hAnsi="Arial" w:cs="Arial"/>
                <w:sz w:val="20"/>
                <w:szCs w:val="20"/>
              </w:rPr>
              <w:t>Ingen bemærkninger</w:t>
            </w:r>
          </w:p>
        </w:tc>
      </w:tr>
      <w:tr w:rsidR="009850A7" w:rsidRPr="005D2D5F" w14:paraId="0BFF7C91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8AFC009" w14:textId="635A6ED6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control_items_control_item_nameX3_3"/>
            <w:bookmarkEnd w:id="84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E9DCB00" w14:textId="77777777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3_4"/>
            <w:bookmarkEnd w:id="85"/>
            <w:r>
              <w:rPr>
                <w:rFonts w:ascii="Arial" w:hAnsi="Arial" w:cs="Arial"/>
                <w:sz w:val="20"/>
                <w:szCs w:val="20"/>
              </w:rPr>
              <w:t>Kørearealer: asfalt - sandfang - regnvandsledning - 1 gang årligt</w:t>
            </w:r>
          </w:p>
          <w:p w14:paraId="3BD8B0E5" w14:textId="77777777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aveaffald: asfalt - sandfang med dykket afløb - afløbssystem - 2 gange årligt (+ 4 vejbrønde tæt på haveaffaldet)</w:t>
            </w:r>
          </w:p>
          <w:p w14:paraId="4234B89F" w14:textId="77777777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Container: fliser - sandfang - regnvandsledning - 1 gang årligt</w:t>
            </w:r>
          </w:p>
          <w:p w14:paraId="1AF34123" w14:textId="7346B22D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etalcontainer - står i</w:t>
            </w:r>
            <w:r w:rsidR="00003946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>dag ikke på tæt belægning med afløb til olieudskiller.</w:t>
            </w:r>
          </w:p>
          <w:p w14:paraId="4966E8D8" w14:textId="1966E1DB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9850A7" w:rsidRPr="005D2D5F" w14:paraId="3D195CAC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A5BCB59" w14:textId="1105128C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3_5"/>
            <w:bookmarkEnd w:id="86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EA5D5F7" w14:textId="77777777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7" w:name="ind_control_items_control_item_nameX3_6"/>
            <w:bookmarkEnd w:id="87"/>
            <w:r>
              <w:rPr>
                <w:rFonts w:ascii="Arial" w:hAnsi="Arial" w:cs="Arial"/>
                <w:sz w:val="20"/>
                <w:szCs w:val="20"/>
              </w:rPr>
              <w:t>Haveaffald - afløbssystem</w:t>
            </w:r>
          </w:p>
          <w:p w14:paraId="4E94CA15" w14:textId="3B0E520D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Øvrigt - regnvandssystem dvs. grøft umiddelbart øst for pladsen.</w:t>
            </w:r>
          </w:p>
        </w:tc>
      </w:tr>
      <w:tr w:rsidR="009850A7" w:rsidRPr="005D2D5F" w14:paraId="2737E537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0746310" w14:textId="26612F92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control_items_control_item_nameX3_7"/>
            <w:bookmarkEnd w:id="88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C092E0A" w14:textId="1C05C369" w:rsidR="009850A7" w:rsidRDefault="00003946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Meddelt den </w:t>
            </w:r>
            <w:r w:rsidRPr="00003946">
              <w:rPr>
                <w:rFonts w:ascii="Arial" w:hAnsi="Arial" w:cs="Arial"/>
                <w:sz w:val="20"/>
                <w:szCs w:val="20"/>
              </w:rPr>
              <w:t>28-09-2015</w:t>
            </w:r>
            <w:r w:rsidR="009850A7">
              <w:rPr>
                <w:rFonts w:ascii="Arial" w:hAnsi="Arial" w:cs="Arial"/>
                <w:sz w:val="20"/>
                <w:szCs w:val="20"/>
              </w:rPr>
              <w:t>.</w:t>
            </w:r>
            <w:bookmarkStart w:id="89" w:name="ind_control_items_control_item_nameX3_8"/>
            <w:bookmarkEnd w:id="89"/>
          </w:p>
        </w:tc>
      </w:tr>
      <w:tr w:rsidR="009850A7" w:rsidRPr="005D2D5F" w14:paraId="1D46D0B4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91BCCB" w14:textId="40C1518C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0" w:name="ind_control_items_control_item_nameX3_9"/>
            <w:bookmarkEnd w:id="90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90483F2" w14:textId="53623EA0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control_items_control_item_nameX3_10"/>
            <w:bookmarkEnd w:id="91"/>
            <w:r>
              <w:rPr>
                <w:rFonts w:ascii="Arial" w:hAnsi="Arial" w:cs="Arial"/>
                <w:sz w:val="20"/>
                <w:szCs w:val="20"/>
              </w:rPr>
              <w:t>Ikke relevant pt.</w:t>
            </w:r>
          </w:p>
        </w:tc>
      </w:tr>
      <w:tr w:rsidR="009850A7" w:rsidRPr="005D2D5F" w14:paraId="39DB848E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DBC83C9" w14:textId="35791C65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3_11"/>
            <w:bookmarkEnd w:id="92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41878B6" w14:textId="02431C3F" w:rsidR="009850A7" w:rsidRDefault="009850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control_items_control_item_nameX3_12"/>
            <w:bookmarkEnd w:id="93"/>
            <w:r>
              <w:rPr>
                <w:rFonts w:ascii="Arial" w:hAnsi="Arial" w:cs="Arial"/>
                <w:sz w:val="20"/>
                <w:szCs w:val="20"/>
              </w:rPr>
              <w:t>ingen vaskeplads</w:t>
            </w:r>
          </w:p>
        </w:tc>
      </w:tr>
      <w:tr w:rsidR="00EC6E6D" w:rsidRPr="00F94A99" w14:paraId="2B374D6C" w14:textId="77777777" w:rsidTr="00003946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639F5049" w:rsidR="00EC6E6D" w:rsidRPr="00B93A39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control_items_control_item_nameX4"/>
            <w:bookmarkEnd w:id="94"/>
            <w:r>
              <w:rPr>
                <w:rFonts w:ascii="Arial" w:hAnsi="Arial" w:cs="Arial"/>
                <w:sz w:val="20"/>
                <w:szCs w:val="20"/>
              </w:rPr>
              <w:lastRenderedPageBreak/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45BFC02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control_items_control_item_nameX4_2"/>
            <w:bookmarkEnd w:id="95"/>
            <w:r>
              <w:rPr>
                <w:rFonts w:ascii="Arial" w:hAnsi="Arial" w:cs="Arial"/>
                <w:sz w:val="20"/>
                <w:szCs w:val="20"/>
              </w:rPr>
              <w:t>Der er ingen olieudskiller på virksomheden.</w:t>
            </w:r>
          </w:p>
          <w:p w14:paraId="749EB977" w14:textId="57DF9D96" w:rsidR="00EC6E6D" w:rsidRPr="00B93A39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sandfang.</w:t>
            </w:r>
          </w:p>
        </w:tc>
      </w:tr>
      <w:tr w:rsidR="009850A7" w:rsidRPr="00F94A99" w14:paraId="7E4B9370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F1847A9" w14:textId="34641D29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control_items_control_item_nameX4_3"/>
            <w:bookmarkEnd w:id="96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181DEC2" w14:textId="7FBF6FE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4_4"/>
            <w:bookmarkEnd w:id="97"/>
            <w:r>
              <w:rPr>
                <w:rFonts w:ascii="Arial" w:hAnsi="Arial" w:cs="Arial"/>
                <w:sz w:val="20"/>
                <w:szCs w:val="20"/>
              </w:rPr>
              <w:t xml:space="preserve">Kopi af dokumentation for tømning af sandfang 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fterf'ølgend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remsendt. S.P. Jensen tømmer.</w:t>
            </w: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98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98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9" w:name="ind_tank_ind_tank_id"/>
            <w:bookmarkEnd w:id="99"/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B37E61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</w:tcPr>
          <w:p w14:paraId="3A81F9A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</w:tcPr>
          <w:p w14:paraId="2752A56D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</w:tcPr>
          <w:p w14:paraId="28A11DD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8019EE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13DDE239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0" w:name="bbr_tech_inst_land_parcel_id"/>
            <w:bookmarkEnd w:id="100"/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423C58EF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202C9374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9219FAE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49F7CE8C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42BB9FC2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32ECB995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B09B744" w14:textId="6E34F218" w:rsidR="00EC6E6D" w:rsidRPr="00245E8B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control_items_control_item_nameX5"/>
            <w:bookmarkEnd w:id="101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EC8780E" w14:textId="00386242" w:rsidR="00EC6E6D" w:rsidRPr="00245E8B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2" w:name="ind_control_items_control_item_nameX5_2"/>
            <w:bookmarkEnd w:id="102"/>
            <w:r>
              <w:rPr>
                <w:rFonts w:ascii="Arial" w:hAnsi="Arial" w:cs="Arial"/>
                <w:sz w:val="20"/>
                <w:szCs w:val="20"/>
              </w:rPr>
              <w:t>Der forefindes ingen olietanke på genbrugspladsen.</w:t>
            </w: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03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103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003946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57F5A72" w14:textId="0E1E21DF" w:rsidR="00EC6E6D" w:rsidRPr="00245E8B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control_items_control_item_nameX6"/>
            <w:bookmarkEnd w:id="104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1BDB3D7" w14:textId="35061BB7" w:rsidR="00EC6E6D" w:rsidRPr="00245E8B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tet at bemærke - Genbrugspladsen anvender ingen råvarer selv.</w:t>
            </w:r>
            <w:bookmarkStart w:id="105" w:name="ind_control_items_control_item_nameX6_2"/>
            <w:bookmarkEnd w:id="105"/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003946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46620A10" w:rsidR="00EC6E6D" w:rsidRPr="00245E8B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control_items_control_item_nameX7"/>
            <w:bookmarkEnd w:id="106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3A28D7E9" w:rsidR="00EC6E6D" w:rsidRPr="00245E8B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control_items_control_item_nameX7_2"/>
            <w:bookmarkEnd w:id="107"/>
            <w:r>
              <w:rPr>
                <w:rFonts w:ascii="Arial" w:hAnsi="Arial" w:cs="Arial"/>
                <w:sz w:val="20"/>
                <w:szCs w:val="20"/>
              </w:rPr>
              <w:t>Genbrugspladsen frembringer intet affald selv.</w:t>
            </w:r>
          </w:p>
        </w:tc>
      </w:tr>
      <w:tr w:rsidR="009850A7" w:rsidRPr="00245E8B" w14:paraId="3D7F86C6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D286181" w14:textId="60622D79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8" w:name="ind_control_items_control_item_nameX7_3"/>
            <w:bookmarkEnd w:id="108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D07E4BC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control_items_control_item_nameX7_4"/>
            <w:bookmarkEnd w:id="109"/>
            <w:r>
              <w:rPr>
                <w:rFonts w:ascii="Arial" w:hAnsi="Arial" w:cs="Arial"/>
                <w:sz w:val="20"/>
                <w:szCs w:val="20"/>
              </w:rPr>
              <w:t xml:space="preserve">Farligt affald bliver afleveret ved disk i kemikaliehuset. Affaldet sorteres af opsynsmand. </w:t>
            </w:r>
          </w:p>
          <w:p w14:paraId="79AE2A88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er aftale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okan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m modtagelse af alt det farlige affald.</w:t>
            </w:r>
          </w:p>
          <w:p w14:paraId="61315B11" w14:textId="5E0419A8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emikaliehuset er med dobbelt bund. Evt. spild opsamles i tank med alarm. Alarmen testen hver onsdag. der har aldring været spild der har udløst alarmen. Brønden blev forevist ved tilsynet.</w:t>
            </w:r>
          </w:p>
        </w:tc>
      </w:tr>
      <w:tr w:rsidR="009850A7" w:rsidRPr="00245E8B" w14:paraId="295A74FD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97F1C57" w14:textId="0E46CE21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0" w:name="ind_control_items_control_item_nameX7_5"/>
            <w:bookmarkEnd w:id="110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C6EFFDC" w14:textId="4D5E6EA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control_items_control_item_nameX7_6"/>
            <w:bookmarkEnd w:id="111"/>
            <w:proofErr w:type="spellStart"/>
            <w:r>
              <w:rPr>
                <w:rFonts w:ascii="Arial" w:hAnsi="Arial" w:cs="Arial"/>
                <w:sz w:val="20"/>
                <w:szCs w:val="20"/>
              </w:rPr>
              <w:t>E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container til hver affaldsfraktion på pladsen med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tydeligt afmærkning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</w:tr>
      <w:tr w:rsidR="009850A7" w:rsidRPr="00245E8B" w14:paraId="2612F52C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C960A40" w14:textId="40546C74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control_items_control_item_nameX7_7"/>
            <w:bookmarkEnd w:id="112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3141FC1" w14:textId="01D18552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3" w:name="ind_control_items_control_item_nameX7_8"/>
            <w:bookmarkEnd w:id="113"/>
            <w:r>
              <w:rPr>
                <w:rFonts w:ascii="Arial" w:hAnsi="Arial" w:cs="Arial"/>
                <w:sz w:val="20"/>
                <w:szCs w:val="20"/>
              </w:rPr>
              <w:t xml:space="preserve">I container - på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SF sten</w:t>
            </w:r>
            <w:proofErr w:type="gramEnd"/>
          </w:p>
        </w:tc>
      </w:tr>
      <w:tr w:rsidR="009850A7" w:rsidRPr="00245E8B" w14:paraId="3D89E9B2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7F18698" w14:textId="6ED72595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control_items_control_item_nameX7_9"/>
            <w:bookmarkEnd w:id="114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A6844E0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5" w:name="ind_control_items_control_item_nameX7_10"/>
            <w:bookmarkEnd w:id="115"/>
            <w:r>
              <w:rPr>
                <w:rFonts w:ascii="Arial" w:hAnsi="Arial" w:cs="Arial"/>
                <w:sz w:val="20"/>
                <w:szCs w:val="20"/>
              </w:rPr>
              <w:t xml:space="preserve">Affaldet køres enten til deponi i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Rærup,  til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 RenoNord, forbrænding, til  Farligt affald håndteres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okan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andre godkendte modtageranlæg</w:t>
            </w:r>
          </w:p>
          <w:p w14:paraId="07C57799" w14:textId="5BC3ADC1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DanBør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nvendes til at finde den bedste aftale for det genanvendelige affald f.eks. dæk, jern/metal, pap/papir, flasker m.v.</w:t>
            </w:r>
          </w:p>
        </w:tc>
      </w:tr>
      <w:tr w:rsidR="009850A7" w:rsidRPr="00245E8B" w14:paraId="082A9567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E59DDDC" w14:textId="64B246F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control_items_control_item_nameX7_11"/>
            <w:bookmarkEnd w:id="116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8A11EE1" w14:textId="26595490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control_items_control_item_nameX7_12"/>
            <w:bookmarkEnd w:id="117"/>
            <w:r>
              <w:rPr>
                <w:rFonts w:ascii="Arial" w:hAnsi="Arial" w:cs="Arial"/>
                <w:sz w:val="20"/>
                <w:szCs w:val="20"/>
              </w:rPr>
              <w:t>Kemikaliehuset med betongulve og sump.</w:t>
            </w:r>
          </w:p>
        </w:tc>
      </w:tr>
      <w:tr w:rsidR="009850A7" w:rsidRPr="00245E8B" w14:paraId="50B17FF1" w14:textId="77777777" w:rsidTr="0000394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6115DCA" w14:textId="44861C0A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X7_13"/>
            <w:bookmarkEnd w:id="118"/>
            <w:r>
              <w:rPr>
                <w:rFonts w:ascii="Arial" w:hAnsi="Arial" w:cs="Arial"/>
                <w:sz w:val="20"/>
                <w:szCs w:val="20"/>
              </w:rPr>
              <w:lastRenderedPageBreak/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34432FC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X7_14"/>
            <w:bookmarkEnd w:id="119"/>
            <w:r>
              <w:rPr>
                <w:rFonts w:ascii="Arial" w:hAnsi="Arial" w:cs="Arial"/>
                <w:sz w:val="20"/>
                <w:szCs w:val="20"/>
              </w:rPr>
              <w:t xml:space="preserve">D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lage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kke affald på genbrugspladsen. Langt det meste affald køres bort i løbet af max. 2 - 3 dage. Langt det meste affald køres væk indenfor 1 døgn.</w:t>
            </w:r>
          </w:p>
          <w:p w14:paraId="6347B32C" w14:textId="76C09874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blev udleveret en kopi Miljø- og arbejdsmiljøredegørelsen 2017 samt kopi af det grønne regnskab 2017, hvoraf det fremgår forbrug af vand, varme samt affaldsmængder.</w:t>
            </w: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487AAFFD" w:rsidR="00EC6E6D" w:rsidRPr="00245E8B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0" w:name="ind_control_items_control_item_nameX11"/>
            <w:bookmarkEnd w:id="120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25BE4CC9" w:rsidR="00EC6E6D" w:rsidRPr="00245E8B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X11_2"/>
            <w:bookmarkEnd w:id="121"/>
            <w:r>
              <w:rPr>
                <w:rFonts w:ascii="Arial" w:hAnsi="Arial" w:cs="Arial"/>
                <w:sz w:val="20"/>
                <w:szCs w:val="20"/>
              </w:rPr>
              <w:t xml:space="preserve">Der blev ikk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konstarer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pild af kemikalier på pladsen</w:t>
            </w:r>
          </w:p>
        </w:tc>
      </w:tr>
      <w:tr w:rsidR="009850A7" w:rsidRPr="00245E8B" w14:paraId="2FA68233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0454263" w14:textId="21DDAC74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2" w:name="ind_control_items_control_item_nameX11_3"/>
            <w:bookmarkEnd w:id="122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C107D5F" w14:textId="502DB462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3" w:name="ind_control_items_control_item_nameX11_4"/>
            <w:bookmarkEnd w:id="123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</w:tr>
      <w:tr w:rsidR="009850A7" w:rsidRPr="00245E8B" w14:paraId="5F3910DD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85FE1C4" w14:textId="2B48E858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4" w:name="ind_control_items_control_item_nameX11_5"/>
            <w:bookmarkEnd w:id="124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1651DE7" w14:textId="27064DB0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5" w:name="ind_control_items_control_item_nameX11_6"/>
            <w:bookmarkEnd w:id="125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9850A7" w:rsidRPr="00245E8B" w14:paraId="3E0355CA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56E517D" w14:textId="20FEECF8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6" w:name="ind_control_items_control_item_nameX11_7"/>
            <w:bookmarkEnd w:id="126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4391C67" w14:textId="6ED59D9D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7" w:name="ind_control_items_control_item_nameX11_8"/>
            <w:bookmarkEnd w:id="127"/>
            <w:r>
              <w:rPr>
                <w:rFonts w:ascii="Arial" w:hAnsi="Arial" w:cs="Arial"/>
                <w:sz w:val="20"/>
                <w:szCs w:val="20"/>
              </w:rPr>
              <w:t>2.2.H13 - let erhvervsområde, Nørre Uttrup</w:t>
            </w:r>
          </w:p>
        </w:tc>
      </w:tr>
      <w:tr w:rsidR="009850A7" w:rsidRPr="00245E8B" w14:paraId="0EB07632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DC23666" w14:textId="22B30FB8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8" w:name="ind_control_items_control_item_nameX11_9"/>
            <w:bookmarkEnd w:id="128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49A5288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suel kontrol af de befæstede arealer + gulv i kemikaliehus - dette gøres jævnligt. </w:t>
            </w:r>
          </w:p>
          <w:p w14:paraId="2CEFE6F5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riftsjournal:</w:t>
            </w:r>
          </w:p>
          <w:p w14:paraId="574D8F6A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- løbend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gister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 bortkørt affald - dette sker elektronisk</w:t>
            </w:r>
          </w:p>
          <w:p w14:paraId="3A3AE05D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Belægningsinspektion</w:t>
            </w:r>
          </w:p>
          <w:p w14:paraId="31709386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mængden af oplagrede affald - ingen registrering, da der ikke er oplag af affald på genbrugspladsen.</w:t>
            </w:r>
          </w:p>
          <w:p w14:paraId="70A3EB89" w14:textId="7777777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Tømning af sandfang m.v. - er efterfølgende fremsendt</w:t>
            </w:r>
          </w:p>
          <w:p w14:paraId="1EADDAD2" w14:textId="46D83CDE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9850A7" w:rsidRPr="00245E8B" w14:paraId="18DD7F6C" w14:textId="77777777" w:rsidTr="009850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7C5DAE1" w14:textId="046E009E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C6AD0EB" w14:textId="12C1305A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2-kortlagt.</w:t>
            </w:r>
          </w:p>
        </w:tc>
      </w:tr>
      <w:tr w:rsidR="009850A7" w:rsidRPr="00245E8B" w14:paraId="19A6E1A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D406C84" w14:textId="322ADE37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B8FE091" w14:textId="319BC012" w:rsidR="009850A7" w:rsidRDefault="009850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9" w:name="ind_control_items_control_item_nameX11_1"/>
            <w:bookmarkEnd w:id="129"/>
            <w:r>
              <w:rPr>
                <w:rFonts w:ascii="Arial" w:hAnsi="Arial" w:cs="Arial"/>
                <w:sz w:val="20"/>
                <w:szCs w:val="20"/>
              </w:rPr>
              <w:t>Virksomheden arbejder med miljøforbedringer i forbindelse med deres miljøcertificering.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984701426">
    <w:abstractNumId w:val="11"/>
  </w:num>
  <w:num w:numId="2" w16cid:durableId="1407922583">
    <w:abstractNumId w:val="8"/>
  </w:num>
  <w:num w:numId="3" w16cid:durableId="759956044">
    <w:abstractNumId w:val="10"/>
  </w:num>
  <w:num w:numId="4" w16cid:durableId="570039075">
    <w:abstractNumId w:val="9"/>
  </w:num>
  <w:num w:numId="5" w16cid:durableId="741802548">
    <w:abstractNumId w:val="7"/>
  </w:num>
  <w:num w:numId="6" w16cid:durableId="1722510770">
    <w:abstractNumId w:val="6"/>
  </w:num>
  <w:num w:numId="7" w16cid:durableId="755706718">
    <w:abstractNumId w:val="5"/>
  </w:num>
  <w:num w:numId="8" w16cid:durableId="2111970440">
    <w:abstractNumId w:val="4"/>
  </w:num>
  <w:num w:numId="9" w16cid:durableId="651519438">
    <w:abstractNumId w:val="3"/>
  </w:num>
  <w:num w:numId="10" w16cid:durableId="1202017230">
    <w:abstractNumId w:val="2"/>
  </w:num>
  <w:num w:numId="11" w16cid:durableId="1596553033">
    <w:abstractNumId w:val="1"/>
  </w:num>
  <w:num w:numId="12" w16cid:durableId="286741091">
    <w:abstractNumId w:val="0"/>
  </w:num>
  <w:num w:numId="13" w16cid:durableId="1466049692">
    <w:abstractNumId w:val="10"/>
  </w:num>
  <w:num w:numId="14" w16cid:durableId="859588939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3946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59CF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83AE1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477E3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0A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311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5</Pages>
  <Words>759</Words>
  <Characters>5253</Characters>
  <Application>Microsoft Office Word</Application>
  <DocSecurity>0</DocSecurity>
  <Lines>437</Lines>
  <Paragraphs>26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57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Pia Mathiasen</cp:lastModifiedBy>
  <cp:revision>2</cp:revision>
  <cp:lastPrinted>2010-03-04T09:12:00Z</cp:lastPrinted>
  <dcterms:created xsi:type="dcterms:W3CDTF">2025-07-23T19:45:00Z</dcterms:created>
  <dcterms:modified xsi:type="dcterms:W3CDTF">2025-07-23T19:45:00Z</dcterms:modified>
</cp:coreProperties>
</file>